
<file path=[Content_Types].xml><?xml version="1.0" encoding="utf-8"?>
<Types xmlns="http://schemas.openxmlformats.org/package/2006/content-types">
  <Default Extension="bin" ContentType="image/png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6" r:id="rId3"/>
    <p:sldId id="258" r:id="rId4"/>
    <p:sldId id="259" r:id="rId5"/>
    <p:sldId id="260" r:id="rId6"/>
    <p:sldId id="261" r:id="rId7"/>
    <p:sldId id="262" r:id="rId8"/>
    <p:sldId id="263" r:id="rId9"/>
    <p:sldId id="264" r:id="rId10"/>
    <p:sldId id="267" r:id="rId11"/>
    <p:sldId id="270" r:id="rId12"/>
    <p:sldId id="266" r:id="rId13"/>
    <p:sldId id="271" r:id="rId14"/>
    <p:sldId id="268" r:id="rId15"/>
    <p:sldId id="269" r:id="rId16"/>
    <p:sldId id="265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718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73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FDC7AD-BA46-4932-A0C0-E3B278ED30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73486F2-4A7E-4739-AA2D-8F47139D140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417295-258C-439F-8551-0A63D2324D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C0C3D9-6D0D-49FC-9CB9-EDEEE36736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95EC54-E8FE-400A-8B40-402FDEEDC3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2651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FFB5EF-1DA6-4DDD-88A3-D976688EB9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466070-6D63-4965-BCF0-B6F0234B4A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2DF27-3105-48E9-8A51-FA4968D91F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1C1387-C472-4D3B-8021-12E28519C2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75682C-5319-4D2E-BCE6-14EDD55E22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4222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3EBAB30-F7F8-4EA7-B4D3-FD391FC319D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A8CED1E-E574-4835-9C0A-4304CCF61EA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5A5979-2B4D-4779-A6D4-6427CE36C3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5389AE-EDE2-4EE2-9CFC-059E0FF065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2645A8-ED81-4209-A097-D29845703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23914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with cubic backgroun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 userDrawn="1"/>
        </p:nvGrpSpPr>
        <p:grpSpPr>
          <a:xfrm>
            <a:off x="-1" y="1"/>
            <a:ext cx="12192001" cy="6858001"/>
            <a:chOff x="-1" y="0"/>
            <a:chExt cx="12190414" cy="6858001"/>
          </a:xfrm>
        </p:grpSpPr>
        <p:sp>
          <p:nvSpPr>
            <p:cNvPr id="18" name="Freeform 8"/>
            <p:cNvSpPr>
              <a:spLocks/>
            </p:cNvSpPr>
            <p:nvPr/>
          </p:nvSpPr>
          <p:spPr bwMode="auto">
            <a:xfrm>
              <a:off x="8971123" y="0"/>
              <a:ext cx="3219290" cy="3788972"/>
            </a:xfrm>
            <a:custGeom>
              <a:avLst/>
              <a:gdLst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  <a:gd name="connsiteX0" fmla="*/ 5 w 3220353"/>
                <a:gd name="connsiteY0" fmla="*/ 0 h 3767952"/>
                <a:gd name="connsiteX1" fmla="*/ 3220353 w 3220353"/>
                <a:gd name="connsiteY1" fmla="*/ 0 h 3767952"/>
                <a:gd name="connsiteX2" fmla="*/ 3220353 w 3220353"/>
                <a:gd name="connsiteY2" fmla="*/ 3767952 h 3767952"/>
                <a:gd name="connsiteX3" fmla="*/ 13488 w 3220353"/>
                <a:gd name="connsiteY3" fmla="*/ 1903438 h 3767952"/>
                <a:gd name="connsiteX4" fmla="*/ 5 w 3220353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896334 h 3767952"/>
                <a:gd name="connsiteX4" fmla="*/ 846 w 3221194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21194" h="3767952">
                  <a:moveTo>
                    <a:pt x="846" y="0"/>
                  </a:moveTo>
                  <a:lnTo>
                    <a:pt x="3221194" y="0"/>
                  </a:lnTo>
                  <a:lnTo>
                    <a:pt x="3221194" y="3767952"/>
                  </a:lnTo>
                  <a:lnTo>
                    <a:pt x="0" y="1903438"/>
                  </a:lnTo>
                  <a:cubicBezTo>
                    <a:pt x="282" y="1267380"/>
                    <a:pt x="564" y="636058"/>
                    <a:pt x="846" y="0"/>
                  </a:cubicBezTo>
                  <a:close/>
                </a:path>
              </a:pathLst>
            </a:custGeom>
            <a:solidFill>
              <a:srgbClr val="673A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grpSp>
          <p:nvGrpSpPr>
            <p:cNvPr id="19" name="Group 18"/>
            <p:cNvGrpSpPr/>
            <p:nvPr/>
          </p:nvGrpSpPr>
          <p:grpSpPr>
            <a:xfrm>
              <a:off x="-1" y="0"/>
              <a:ext cx="12190414" cy="6858001"/>
              <a:chOff x="-1" y="0"/>
              <a:chExt cx="12190414" cy="6858001"/>
            </a:xfrm>
          </p:grpSpPr>
          <p:sp>
            <p:nvSpPr>
              <p:cNvPr id="20" name="Rectangle 33"/>
              <p:cNvSpPr/>
              <p:nvPr/>
            </p:nvSpPr>
            <p:spPr>
              <a:xfrm>
                <a:off x="-1" y="0"/>
                <a:ext cx="8978744" cy="6858000"/>
              </a:xfrm>
              <a:custGeom>
                <a:avLst/>
                <a:gdLst/>
                <a:ahLst/>
                <a:cxnLst/>
                <a:rect l="l" t="t" r="r" b="b"/>
                <a:pathLst>
                  <a:path w="8970065" h="6858000">
                    <a:moveTo>
                      <a:pt x="0" y="0"/>
                    </a:moveTo>
                    <a:lnTo>
                      <a:pt x="8970065" y="0"/>
                    </a:lnTo>
                    <a:lnTo>
                      <a:pt x="8969219" y="1908175"/>
                    </a:lnTo>
                    <a:lnTo>
                      <a:pt x="392355" y="6858000"/>
                    </a:lnTo>
                    <a:lnTo>
                      <a:pt x="0" y="6858000"/>
                    </a:lnTo>
                    <a:close/>
                  </a:path>
                </a:pathLst>
              </a:custGeom>
              <a:solidFill>
                <a:srgbClr val="4F2C99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  <p:sp>
            <p:nvSpPr>
              <p:cNvPr id="21" name="Rectangle 34"/>
              <p:cNvSpPr/>
              <p:nvPr/>
            </p:nvSpPr>
            <p:spPr>
              <a:xfrm>
                <a:off x="369889" y="1903413"/>
                <a:ext cx="11820524" cy="4954588"/>
              </a:xfrm>
              <a:custGeom>
                <a:avLst/>
                <a:gdLst>
                  <a:gd name="connsiteX0" fmla="*/ 8586387 w 11798058"/>
                  <a:gd name="connsiteY0" fmla="*/ 0 h 4945063"/>
                  <a:gd name="connsiteX1" fmla="*/ 11798058 w 11798058"/>
                  <a:gd name="connsiteY1" fmla="*/ 1855017 h 4945063"/>
                  <a:gd name="connsiteX2" fmla="*/ 11798058 w 11798058"/>
                  <a:gd name="connsiteY2" fmla="*/ 4945063 h 4945063"/>
                  <a:gd name="connsiteX3" fmla="*/ 0 w 11798058"/>
                  <a:gd name="connsiteY3" fmla="*/ 4945063 h 4945063"/>
                  <a:gd name="connsiteX4" fmla="*/ 8586387 w 11798058"/>
                  <a:gd name="connsiteY4" fmla="*/ 0 h 4945063"/>
                  <a:gd name="connsiteX0" fmla="*/ 8581623 w 11798058"/>
                  <a:gd name="connsiteY0" fmla="*/ 0 h 4954588"/>
                  <a:gd name="connsiteX1" fmla="*/ 11798058 w 11798058"/>
                  <a:gd name="connsiteY1" fmla="*/ 1864542 h 4954588"/>
                  <a:gd name="connsiteX2" fmla="*/ 11798058 w 11798058"/>
                  <a:gd name="connsiteY2" fmla="*/ 4954588 h 4954588"/>
                  <a:gd name="connsiteX3" fmla="*/ 0 w 11798058"/>
                  <a:gd name="connsiteY3" fmla="*/ 4954588 h 4954588"/>
                  <a:gd name="connsiteX4" fmla="*/ 8581623 w 11798058"/>
                  <a:gd name="connsiteY4" fmla="*/ 0 h 49545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798058" h="4954588">
                    <a:moveTo>
                      <a:pt x="8581623" y="0"/>
                    </a:moveTo>
                    <a:lnTo>
                      <a:pt x="11798058" y="1864542"/>
                    </a:lnTo>
                    <a:lnTo>
                      <a:pt x="11798058" y="4954588"/>
                    </a:lnTo>
                    <a:lnTo>
                      <a:pt x="0" y="4954588"/>
                    </a:lnTo>
                    <a:lnTo>
                      <a:pt x="8581623" y="0"/>
                    </a:lnTo>
                    <a:close/>
                  </a:path>
                </a:pathLst>
              </a:custGeom>
              <a:solidFill>
                <a:srgbClr val="341F6F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0D52139E-80E8-44B2-89BA-FFDE8054A662}" type="datetime1">
              <a:rPr lang="en-GB"/>
              <a:t>17/11/2020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3590802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1E39-D91E-44B6-B3C0-612449A66A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3A6405-3E0C-47F8-A2BB-EE2926DAA66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AFBC56-DC76-4778-86EC-4072DF0F95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42685A-985F-497F-81E2-CCF0EA7534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D9DB0D-D119-461B-A540-CB5673E75F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02370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6DF702-F783-41C4-8BF9-FA7F8D2B3A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59C4DD-F623-4D01-A25F-0364E30BA6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6CEAFA-3B7E-4A1E-BA5E-3FFE0C2954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FB7447-A304-4DED-A92D-084545BD79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089C02-43FE-4315-9E12-F8AC6597A4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7000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7F22EA-10C2-43FB-AE4B-F6CBE71FBD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C6AAE8-143C-4788-A246-07D9BF20EEA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1AD730-5C52-4412-9F1F-2B799A42863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81879C1-75FC-4BC8-BE72-C464BC48C1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9C9ADC-F1B0-4AD9-A7F9-C1690A7395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74F5D4-18DF-4E04-AD67-5B306492C1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12444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D890FE-9FCE-4F0A-B29C-9FAF24BA1D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D7F154-DDB8-4792-B2ED-94E02A2672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F0DEBD3-C9E7-4DBD-BC0F-B97FC062296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45E13F8-0F95-41DA-8013-2100E6A231B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6D30E33-9E12-4CDF-82CB-D492CA0392F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7880F22-6E40-48AA-B59A-CCB75130B6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B4EDDF0-EBFF-44C9-A20F-C0F64CBC0C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E49D67C-9062-42EB-A484-A869E5B157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0488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961855-CFC6-42F0-81C5-BE0CDAF498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166F81-8C36-4CDC-B879-C6A04764B0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2093A86-120B-4CA3-9C78-0D8CE785BC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F2ACFAE-DF5C-4948-A4BB-DAA54F8248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37224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AFFEDA1-7F3F-451A-B6EE-E8A2186379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A2C8395-FC81-4E44-B95A-DA11D7949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33BA042-0AF2-4843-9DBE-34037E2873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86314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E7F462-4A22-47D8-8C95-56C4538B40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201EB2-07F4-47DB-979E-0A4A56F312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D009DFB-0E92-45F0-A493-CBD70A3220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809866D-51F4-4184-AFB0-0F7F31560B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D7982C3-CECF-4B46-B775-77DE32BC0C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014762E-1F58-44DF-A5C3-D78AA350BA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84007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3BAFF6-7A6F-46CE-A61A-2E491904B2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95AED28-9079-4C46-A37C-C0501EDD805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202C735-3F7A-4C2F-BA4D-00169219CC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9AD9E4-4A3A-4F7E-AC0F-64E8E76F1C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EDDDC3-A760-4656-AC64-B8D694CB73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512B14C-3258-4967-9758-EF737ED9D6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39055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087F3C-C76B-438C-8B63-E4F5D22BDC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A66356-1E97-402D-B9B2-0E211D1237B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D06809-5385-404F-AA07-DF5479D849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F13ADA-BD6B-4EEE-8883-AC04C5198A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E5C6C9-13D9-48DB-9733-AE83A71401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01801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worker_threads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2.xml"/><Relationship Id="rId4" Type="http://schemas.openxmlformats.org/officeDocument/2006/relationships/hyperlink" Target="https://developer.mozilla.org/en-US/docs/Web/API/Web_Workers_API/Using_web_workers" TargetMode="Externa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cluster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hyperlink" Target="https://github.com/sindresorhus/awesome-nodejs" TargetMode="External"/><Relationship Id="rId3" Type="http://schemas.openxmlformats.org/officeDocument/2006/relationships/hyperlink" Target="https://github.com/teraxas/nodejs-demo" TargetMode="External"/><Relationship Id="rId7" Type="http://schemas.openxmlformats.org/officeDocument/2006/relationships/hyperlink" Target="https://developpaper.com/install-node-gyp-offline/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6.xml"/><Relationship Id="rId6" Type="http://schemas.openxmlformats.org/officeDocument/2006/relationships/hyperlink" Target="https://medium.com/jspoint/a-simple-guide-to-load-c-c-code-into-node-js-javascript-applications-3fcccf54fd32" TargetMode="External"/><Relationship Id="rId5" Type="http://schemas.openxmlformats.org/officeDocument/2006/relationships/hyperlink" Target="https://medium.com/@mattmazzola/comparing-asynchronous-patterns-between-c-and-javascript-2137793d7e37" TargetMode="External"/><Relationship Id="rId4" Type="http://schemas.openxmlformats.org/officeDocument/2006/relationships/hyperlink" Target="https://dev.to/khaosdoctor/node-js-under-the-hood-1-getting-to-know-our-tools-1465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Relationship Id="rId4" Type="http://schemas.openxmlformats.org/officeDocument/2006/relationships/image" Target="../media/image3.sv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5" Type="http://schemas.openxmlformats.org/officeDocument/2006/relationships/image" Target="../media/image3.svg"/><Relationship Id="rId4" Type="http://schemas.openxmlformats.org/officeDocument/2006/relationships/image" Target="../media/image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.xml"/><Relationship Id="rId4" Type="http://schemas.openxmlformats.org/officeDocument/2006/relationships/image" Target="../media/image1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Node JS</a:t>
            </a:r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GB" dirty="0"/>
              <a:t>How it works?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B447613C-9A35-41A3-9E15-B616FB0CEED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75622" y="4224548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9997129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906087" y="1413164"/>
            <a:ext cx="9468197" cy="5170516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1910" y="1778872"/>
            <a:ext cx="8716550" cy="44390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66802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4854633" y="2299758"/>
            <a:ext cx="6857999" cy="4109355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12327" y="2733007"/>
            <a:ext cx="6367622" cy="32428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6ED08E2-0F14-4DF8-8248-E5F735F2C60B}"/>
              </a:ext>
            </a:extLst>
          </p:cNvPr>
          <p:cNvSpPr txBox="1"/>
          <p:nvPr/>
        </p:nvSpPr>
        <p:spPr>
          <a:xfrm>
            <a:off x="579120" y="2344201"/>
            <a:ext cx="453320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3600" dirty="0">
                <a:solidFill>
                  <a:schemeClr val="bg1"/>
                </a:solidFill>
                <a:latin typeface="Source Sans Pro" panose="020B0503030403020204" pitchFamily="34" charset="0"/>
              </a:rPr>
              <a:t>I/O is the bottleneck, not computations!</a:t>
            </a:r>
            <a:endParaRPr kumimoji="0" lang="en-US" altLang="en-US" sz="3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365FAFC-D9E9-46E8-A503-B9A545A55E97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7327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Is Node JS single threaded?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831261"/>
            <a:ext cx="9817381" cy="24929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Not really..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 can create Worker threads for long running, blocking operation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worker_threads.html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er.mozilla.org/en-US/docs/Web/API/Web_Workers_API/Using_web_workers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5458400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800" dirty="0"/>
              <a:t>Async calls also enable long-polling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831261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his is a kind of alternative to </a:t>
            </a:r>
            <a:r>
              <a:rPr kumimoji="0" lang="en-US" altLang="en-US" sz="24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bsocket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ient makes a request and waits for response. It might take a while…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738881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My CPU has like 100 cores, how do I make them all work?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A9CE5F3-BD21-4FF2-95EB-977C7C808CD4}"/>
              </a:ext>
            </a:extLst>
          </p:cNvPr>
          <p:cNvSpPr txBox="1"/>
          <p:nvPr/>
        </p:nvSpPr>
        <p:spPr>
          <a:xfrm>
            <a:off x="684568" y="2006385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usters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cluster.html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24B3ED8-FDD0-4504-BC73-8DB9727F1840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92345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Real programmers code in C++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f you want something to run REALLY fast, you can always write native modules with C++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Node-gyp – “Generate Your Project” – python tool for generating projects, used in building native libs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7A9CB6-3176-404D-A918-4F62DD0D0FD4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76211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Links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49398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eraxas/nodejs-demo</a:t>
            </a:r>
            <a:endParaRPr lang="en-US" sz="2400" dirty="0">
              <a:solidFill>
                <a:srgbClr val="00B0F0"/>
              </a:solidFill>
              <a:hlinkClick r:id="rId4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.to/khaosdoctor/node-js-under-the-hood-1-getting-to-know-our-tools-1465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00B0F0"/>
                </a:solidFill>
                <a:effectLst/>
                <a:latin typeface="Source Sans Pro" panose="020B050303040302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@mattmazzola/comparing-asynchronous-patterns-between-c-and-javascript-2137793d7e37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jspoint/a-simple-guide-to-load-c-c-code-into-node-js-javascript-applications-3fcccf54fd32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paper.com/install-node-gyp-offline/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sindresorhus/awesome-nodejs</a:t>
            </a:r>
            <a:b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</a:b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255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1026" name="Picture 2" descr="Image for post">
            <a:extLst>
              <a:ext uri="{FF2B5EF4-FFF2-40B4-BE49-F238E27FC236}">
                <a16:creationId xmlns:a16="http://schemas.microsoft.com/office/drawing/2014/main" id="{CB3B8186-8648-4FDA-A085-0084F80B1D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6988" y="1795463"/>
            <a:ext cx="677227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75462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2050" name="Picture 2" descr="Image for post">
            <a:extLst>
              <a:ext uri="{FF2B5EF4-FFF2-40B4-BE49-F238E27FC236}">
                <a16:creationId xmlns:a16="http://schemas.microsoft.com/office/drawing/2014/main" id="{5470ECA9-FE61-41A6-A809-3DC83E7939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7988" y="1423988"/>
            <a:ext cx="629602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6612" y="4662487"/>
            <a:ext cx="4114800" cy="1543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422450" y="4248481"/>
            <a:ext cx="2371061" cy="237106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67451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Google’s open source high-performance JavaScript and </a:t>
            </a:r>
            <a:r>
              <a:rPr lang="en-US" sz="2800" dirty="0" err="1">
                <a:solidFill>
                  <a:schemeClr val="bg1"/>
                </a:solidFill>
              </a:rPr>
              <a:t>WebAssembly</a:t>
            </a:r>
            <a:r>
              <a:rPr lang="en-US" sz="2800" dirty="0">
                <a:solidFill>
                  <a:schemeClr val="bg1"/>
                </a:solidFill>
              </a:rPr>
              <a:t> engine. It is used in Chrome and in Node.js, among others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Multi-platform support library with a focus on asynchronous I/O. It was primarily developed for use by Node.js, but it's also used by </a:t>
            </a:r>
            <a:r>
              <a:rPr lang="en-US" sz="2800" dirty="0" err="1">
                <a:solidFill>
                  <a:schemeClr val="bg1"/>
                </a:solidFill>
              </a:rPr>
              <a:t>Luvit</a:t>
            </a:r>
            <a:r>
              <a:rPr lang="en-US" sz="2800" dirty="0">
                <a:solidFill>
                  <a:schemeClr val="bg1"/>
                </a:solidFill>
              </a:rPr>
              <a:t>, Julia, </a:t>
            </a:r>
            <a:r>
              <a:rPr lang="en-US" sz="2800" dirty="0" err="1">
                <a:solidFill>
                  <a:schemeClr val="bg1"/>
                </a:solidFill>
              </a:rPr>
              <a:t>pyuv</a:t>
            </a:r>
            <a:r>
              <a:rPr lang="en-US" sz="2800" dirty="0">
                <a:solidFill>
                  <a:schemeClr val="bg1"/>
                </a:solidFill>
              </a:rPr>
              <a:t>, and other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08759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Takes</a:t>
            </a:r>
            <a:r>
              <a:rPr lang="lt-LT" sz="2800" dirty="0">
                <a:solidFill>
                  <a:schemeClr val="bg1"/>
                </a:solidFill>
              </a:rPr>
              <a:t> care </a:t>
            </a:r>
            <a:r>
              <a:rPr lang="lt-LT" sz="2800" dirty="0" err="1">
                <a:solidFill>
                  <a:schemeClr val="bg1"/>
                </a:solidFill>
              </a:rPr>
              <a:t>of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de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executio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n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ncurency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i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de</a:t>
            </a:r>
            <a:r>
              <a:rPr lang="lt-LT" sz="2800" dirty="0">
                <a:solidFill>
                  <a:schemeClr val="bg1"/>
                </a:solidFill>
              </a:rPr>
              <a:t> JS.</a:t>
            </a:r>
            <a:endParaRPr lang="en-US" sz="2800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Handles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(</a:t>
            </a:r>
            <a:r>
              <a:rPr lang="lt-LT" sz="2800" dirty="0" err="1">
                <a:solidFill>
                  <a:schemeClr val="bg1"/>
                </a:solidFill>
              </a:rPr>
              <a:t>file</a:t>
            </a:r>
            <a:r>
              <a:rPr lang="lt-LT" sz="2800" dirty="0">
                <a:solidFill>
                  <a:schemeClr val="bg1"/>
                </a:solidFill>
              </a:rPr>
              <a:t>, TCP – </a:t>
            </a:r>
            <a:r>
              <a:rPr lang="lt-LT" sz="2800" dirty="0" err="1">
                <a:solidFill>
                  <a:schemeClr val="bg1"/>
                </a:solidFill>
              </a:rPr>
              <a:t>everything</a:t>
            </a:r>
            <a:r>
              <a:rPr lang="lt-LT" sz="2800" dirty="0">
                <a:solidFill>
                  <a:schemeClr val="bg1"/>
                </a:solidFill>
              </a:rPr>
              <a:t>) </a:t>
            </a:r>
            <a:r>
              <a:rPr lang="lt-LT" sz="2800" dirty="0" err="1">
                <a:solidFill>
                  <a:schemeClr val="bg1"/>
                </a:solidFill>
              </a:rPr>
              <a:t>asynchronously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hil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rocessess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threa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ool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signal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handling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lock</a:t>
            </a:r>
            <a:r>
              <a:rPr lang="lt-LT" sz="2800" dirty="0">
                <a:solidFill>
                  <a:schemeClr val="bg1"/>
                </a:solidFill>
              </a:rPr>
              <a:t>...</a:t>
            </a:r>
            <a:endParaRPr lang="en-US" sz="280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993789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>
                <a:solidFill>
                  <a:schemeClr val="bg1"/>
                </a:solidFill>
              </a:rPr>
              <a:t>A</a:t>
            </a:r>
            <a:r>
              <a:rPr lang="en-US" sz="2800" dirty="0">
                <a:solidFill>
                  <a:schemeClr val="bg1"/>
                </a:solidFill>
              </a:rPr>
              <a:t>n asynchronous event-driven JavaScript runtime, designed to build scalable network applications.</a:t>
            </a:r>
            <a:endParaRPr lang="en-US" sz="4000" dirty="0">
              <a:solidFill>
                <a:schemeClr val="bg1"/>
              </a:solidFill>
            </a:endParaRP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1F1EBD48-B4E3-4FEB-A072-0F1523C17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49250" y="1364389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874466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7170" name="Picture 2" descr="Y U So Fast? by theletlirutaner - Meme Center">
            <a:extLst>
              <a:ext uri="{FF2B5EF4-FFF2-40B4-BE49-F238E27FC236}">
                <a16:creationId xmlns:a16="http://schemas.microsoft.com/office/drawing/2014/main" id="{90A095F4-0449-45CE-B041-190352B1B5A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7" t="-2275" r="2411" b="7280"/>
          <a:stretch/>
        </p:blipFill>
        <p:spPr bwMode="auto">
          <a:xfrm>
            <a:off x="2231832" y="868478"/>
            <a:ext cx="4501477" cy="34707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E01D7107-6D29-4C3C-AB39-4A9CD5FD9A0A}"/>
              </a:ext>
            </a:extLst>
          </p:cNvPr>
          <p:cNvGrpSpPr/>
          <p:nvPr/>
        </p:nvGrpSpPr>
        <p:grpSpPr>
          <a:xfrm>
            <a:off x="6497955" y="3153467"/>
            <a:ext cx="3590925" cy="2228567"/>
            <a:chOff x="7902806" y="3785234"/>
            <a:chExt cx="3590925" cy="2228567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24632247-5ABE-49CA-83C3-CF568E4EF57C}"/>
                </a:ext>
              </a:extLst>
            </p:cNvPr>
            <p:cNvSpPr/>
            <p:nvPr/>
          </p:nvSpPr>
          <p:spPr>
            <a:xfrm>
              <a:off x="7902806" y="3785234"/>
              <a:ext cx="3590925" cy="2228567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1F1EBD48-B4E3-4FEB-A072-0F1523C175B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057194" y="3867211"/>
              <a:ext cx="3374295" cy="2064611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66525728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69DE774A-3EA1-4513-B452-CD92A74BF2B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976" y="1794023"/>
            <a:ext cx="7115175" cy="424815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2A460A8-2E71-418F-B54D-40B1769697D9}"/>
              </a:ext>
            </a:extLst>
          </p:cNvPr>
          <p:cNvSpPr/>
          <p:nvPr/>
        </p:nvSpPr>
        <p:spPr>
          <a:xfrm>
            <a:off x="5004262" y="2841317"/>
            <a:ext cx="5843847" cy="1574913"/>
          </a:xfrm>
          <a:prstGeom prst="rect">
            <a:avLst/>
          </a:prstGeom>
          <a:ln/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86D9E30-966D-413D-9F59-F872A636DE33}"/>
              </a:ext>
            </a:extLst>
          </p:cNvPr>
          <p:cNvSpPr txBox="1"/>
          <p:nvPr/>
        </p:nvSpPr>
        <p:spPr>
          <a:xfrm>
            <a:off x="5134036" y="2936276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Event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loop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llows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n-blocking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– </a:t>
            </a:r>
            <a:r>
              <a:rPr lang="lt-LT" sz="2800" dirty="0" err="1">
                <a:solidFill>
                  <a:schemeClr val="bg1"/>
                </a:solidFill>
              </a:rPr>
              <a:t>despite</a:t>
            </a:r>
            <a:r>
              <a:rPr lang="lt-LT" sz="2800" dirty="0">
                <a:solidFill>
                  <a:schemeClr val="bg1"/>
                </a:solidFill>
              </a:rPr>
              <a:t> JS </a:t>
            </a:r>
            <a:r>
              <a:rPr lang="lt-LT" sz="2800" dirty="0" err="1">
                <a:solidFill>
                  <a:schemeClr val="bg1"/>
                </a:solidFill>
              </a:rPr>
              <a:t>being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single-threaded</a:t>
            </a:r>
            <a:r>
              <a:rPr lang="lt-LT" sz="2800" dirty="0">
                <a:solidFill>
                  <a:schemeClr val="bg1"/>
                </a:solidFill>
              </a:rPr>
              <a:t>.</a:t>
            </a:r>
            <a:endParaRPr lang="en-US" sz="4000" dirty="0">
              <a:solidFill>
                <a:schemeClr val="bg1"/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6B83F22-9B57-407B-964B-A0625E50B48D}"/>
              </a:ext>
            </a:extLst>
          </p:cNvPr>
          <p:cNvSpPr/>
          <p:nvPr/>
        </p:nvSpPr>
        <p:spPr>
          <a:xfrm>
            <a:off x="5004262" y="4699137"/>
            <a:ext cx="6248528" cy="1709976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E81B165-63CA-4A4A-9DB8-855E43BA8F14}"/>
              </a:ext>
            </a:extLst>
          </p:cNvPr>
          <p:cNvSpPr/>
          <p:nvPr/>
        </p:nvSpPr>
        <p:spPr>
          <a:xfrm>
            <a:off x="5156790" y="4783170"/>
            <a:ext cx="6096000" cy="1477328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lt-LT" dirty="0">
                <a:solidFill>
                  <a:schemeClr val="bg1"/>
                </a:solidFill>
                <a:latin typeface="Source Sans Pro" panose="020B0503030403020204" pitchFamily="34" charset="0"/>
              </a:rPr>
              <a:t>M</a:t>
            </a:r>
            <a:r>
              <a:rPr lang="en-US" b="0" i="0" dirty="0" err="1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odern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kernels are multi-threaded, they can handle multiple operations executing in the background. When one of these operations completes, the kernel tells Node.js so that the appropriate callback may be added to the </a:t>
            </a:r>
            <a:r>
              <a:rPr lang="en-US" b="1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queue to eventually be executed.</a:t>
            </a:r>
            <a:endParaRPr lang="en-US" dirty="0">
              <a:solidFill>
                <a:schemeClr val="bg1"/>
              </a:solidFill>
            </a:endParaRPr>
          </a:p>
        </p:txBody>
      </p:sp>
      <p:pic>
        <p:nvPicPr>
          <p:cNvPr id="10242" name="Picture 2" descr="Cover image for Node.js Under The Hood #3 - Deep Dive Into the Event Loop">
            <a:extLst>
              <a:ext uri="{FF2B5EF4-FFF2-40B4-BE49-F238E27FC236}">
                <a16:creationId xmlns:a16="http://schemas.microsoft.com/office/drawing/2014/main" id="{011AB564-5FED-4C0C-8A76-09889C377E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5563" y="93811"/>
            <a:ext cx="6541681" cy="2747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582459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1F075796-D351-4427-AEAF-963681D3547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51" y="1746398"/>
            <a:ext cx="7115175" cy="4248150"/>
          </a:xfrm>
          <a:prstGeom prst="rect">
            <a:avLst/>
          </a:prstGeom>
        </p:spPr>
      </p:pic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4133849" y="1584634"/>
            <a:ext cx="7858125" cy="4431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imer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this phase executes callbacks scheduled</a:t>
            </a:r>
            <a:r>
              <a:rPr kumimoji="0" lang="lt-LT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by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Timeout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nterval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ending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executes I/O callbacks deferred to the next loop iteration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dle, prepare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only used internally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retrieve new I/O events; execute I/O related callbacks (almost all with the exception of close callbacks, the ones scheduled by timers, 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); node will block here when appropriat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heck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callbacks are invoked her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ose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some close callbacks, e.g.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ocket.on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'close', ...)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09815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55</Words>
  <Application>Microsoft Office PowerPoint</Application>
  <PresentationFormat>Widescreen</PresentationFormat>
  <Paragraphs>55</Paragraphs>
  <Slides>1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2" baseType="lpstr">
      <vt:lpstr>Arial Unicode MS</vt:lpstr>
      <vt:lpstr>Arial</vt:lpstr>
      <vt:lpstr>Calibri</vt:lpstr>
      <vt:lpstr>Calibri Light</vt:lpstr>
      <vt:lpstr>Source Sans Pro</vt:lpstr>
      <vt:lpstr>Office Theme</vt:lpstr>
      <vt:lpstr>Node JS</vt:lpstr>
      <vt:lpstr>What is Node JS?</vt:lpstr>
      <vt:lpstr>What is Node JS?</vt:lpstr>
      <vt:lpstr>V8 and libuv</vt:lpstr>
      <vt:lpstr>V8 and libuv</vt:lpstr>
      <vt:lpstr>PowerPoint Presentation</vt:lpstr>
      <vt:lpstr>PowerPoint Presentation</vt:lpstr>
      <vt:lpstr>Event loop</vt:lpstr>
      <vt:lpstr>Event loop</vt:lpstr>
      <vt:lpstr>Blocking I/O vs Non-blocking I/O</vt:lpstr>
      <vt:lpstr>Blocking I/O vs Non-blocking I/O</vt:lpstr>
      <vt:lpstr>Is Node JS single threaded?</vt:lpstr>
      <vt:lpstr>Async calls also enable long-polling</vt:lpstr>
      <vt:lpstr>My CPU has like 100 cores, how do I make them all work?</vt:lpstr>
      <vt:lpstr>Real programmers code in C++</vt:lpstr>
      <vt:lpstr>Lin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ode JS</dc:title>
  <dc:creator>Jocevičius, Karolis</dc:creator>
  <cp:lastModifiedBy>Jocevičius, Karolis</cp:lastModifiedBy>
  <cp:revision>33</cp:revision>
  <dcterms:created xsi:type="dcterms:W3CDTF">2020-08-04T13:07:37Z</dcterms:created>
  <dcterms:modified xsi:type="dcterms:W3CDTF">2020-11-17T11:10:26Z</dcterms:modified>
</cp:coreProperties>
</file>